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377115E1-D757-4DE1-891A-D97C058F4D8C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74" uniqueCount="211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วิสาหกิจชุมชนพะเยาเวลเนส</t>
  </si>
  <si>
    <t>นางสมหวัง  ทองวิชิต</t>
  </si>
  <si>
    <t>นายจรัส สุทธิกุลบุตร</t>
  </si>
  <si>
    <t xml:space="preserve">516  ถนนพหลโยธิน  อำเภอเมือง  จังหวัดพะเยา  </t>
  </si>
  <si>
    <t>063-416-3549</t>
  </si>
  <si>
    <t>สมหวัง ทองวิชิต</t>
  </si>
  <si>
    <t>พะเยาเวลเนส</t>
  </si>
  <si>
    <t>spkeng2000@yahoo.com</t>
  </si>
  <si>
    <t>กลุ่มจักสานผักตบชวาบ้านบางตาแผ่น</t>
  </si>
  <si>
    <t>กลุ่มพัฒนาสตรีบ้านสวนปอ</t>
  </si>
  <si>
    <t>กลุ่มผ้าขาวม้า  ดารานาคี เช็คอิน@บึงกาฬ</t>
  </si>
  <si>
    <t xml:space="preserve">กลุ่มทอผ้าและตัดเย็บบ้านหาดเสี้ยว </t>
  </si>
  <si>
    <t>นางวันเพ็ญ  แพร่หลาย</t>
  </si>
  <si>
    <t>นางสาวสุพัตรา  แสงกองมี</t>
  </si>
  <si>
    <t>นางสุจินต์  โพธิวิจิตร</t>
  </si>
  <si>
    <t xml:space="preserve">19/2 หมู่ที่ 1 ตำบลคลองวัน  อำเภอเมือง จังหวัดอ่างทอง </t>
  </si>
  <si>
    <t xml:space="preserve">กลุ่มพัฒนาสตรีบ้านสวนปอ  หมู่ 6 ตำบลหนองแคน   อำเภอปทุมรัตน์  จังหวัดร้อยเอ็ด  </t>
  </si>
  <si>
    <t xml:space="preserve">91 หมู่ 2  บ้านสะง้อ  ตำบลหอคำ  อำเภอเมืองบึงกาฬ  จังหวัดบึงกาฬ </t>
  </si>
  <si>
    <t xml:space="preserve">434  หมู่  2 ตำบลหาดเสี้ยว  อำเภอศรีสัชนาลัย จังหวัดสุโขทัย  </t>
  </si>
  <si>
    <t xml:space="preserve">143 หมู่ 12 ตำบลเจริญสุข  อำเภอเฉลิมพระเกียรติ  จังหวัดบุรีรัมย์  </t>
  </si>
  <si>
    <t>069-6970909</t>
  </si>
  <si>
    <t>081-060-6742</t>
  </si>
  <si>
    <t>091-061-2024 095-664-7134</t>
  </si>
  <si>
    <t>081-374-1422</t>
  </si>
  <si>
    <t>094-003-6227</t>
  </si>
  <si>
    <t>081-9528853</t>
  </si>
  <si>
    <t>ภูริษาผ้าไทย</t>
  </si>
  <si>
    <t>www.ครีมมะขามพะเยาแม่แสงดี.com</t>
  </si>
  <si>
    <t>ร้านค้า</t>
  </si>
  <si>
    <t>ชุมชนดีมีรอยยิ้มควนขนุน</t>
  </si>
  <si>
    <t>นายอานนท์  ขำแก้ว</t>
  </si>
  <si>
    <t>a.khamkaew2@gmail.com</t>
  </si>
  <si>
    <t xml:space="preserve">วิสาหกิจชุมชนผ้าทอนาหมื่นศรี </t>
  </si>
  <si>
    <t>นางอารอบ  เรืองสังข์</t>
  </si>
  <si>
    <t>081-476-4318</t>
  </si>
  <si>
    <t>วิสาหกิจชุมชนผ้าทอนาหมื่นศรี</t>
  </si>
  <si>
    <t>nameunsri.trang@hotmail.com</t>
  </si>
  <si>
    <t>กลุ่มสตรีทอผ้าบ้านเขาเต่า</t>
  </si>
  <si>
    <t>กลุ่มแม่บ้านแปรรูปครีมมะขาม แม่แสงดี</t>
  </si>
  <si>
    <t>กลุ่มภัทลี หัตถกรรมกาบกล้วย</t>
  </si>
  <si>
    <t>วิสาหกิจชุมชนบ้านบัว</t>
  </si>
  <si>
    <t>วิสาหกิจชุมชนกลุ่มอาชีพสตรีทอผ้าไหม-ผ้าฝ้าย ภูอัคนี</t>
  </si>
  <si>
    <t>ชุมชนท่องเที่ยว O-Top นวัตวิถี บ้านหมวดหมู่ </t>
  </si>
  <si>
    <t>กลุ่มพรรณไม้ผ้าทอสีธรรมชาติ</t>
  </si>
  <si>
    <t>ศูนย์ศิลป์เสื่อบางสระเก้า</t>
  </si>
  <si>
    <t>กลุ่มสตรีทอเสื่อกกบ้านเสม็ดงาม</t>
  </si>
  <si>
    <t>วิสาหกิจชุมชนหัตถกรรมเครื่องหอม ข้าวตอกร่ำ</t>
  </si>
  <si>
    <t>กลุ่มหมู่บ้านเบญจรงค์ดอนไก่ดี หมู่1 (Urai Benjarong)</t>
  </si>
  <si>
    <t>กลุ่มแปรรูปบ้านทุ่งสว่าง</t>
  </si>
  <si>
    <t>กลุ่มทอผ้าและแปรรูปผลิตภัณฑ์จากผ้าบ้านห้วยเตย</t>
  </si>
  <si>
    <t xml:space="preserve">จักสานไม้ไผ่  สู่วิถีไทยที่ยั่งยืน โรงเรียนพังทุยพัฒนศึกษา </t>
  </si>
  <si>
    <t xml:space="preserve">กลุ่มแปรรูปผ้าบ้านสวายสอ </t>
  </si>
  <si>
    <t xml:space="preserve">กลุ่มทอผ้าร้อยรักษ์ (ย้อมสีธรรมชาติ) 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กลุ่มย้อมผ้าครามบ้านคำเดือย</t>
  </si>
  <si>
    <t>วิสาหกิจชุมชนกลุ่มน้ำมอญแจ้ช้อน</t>
  </si>
  <si>
    <t>กลุ่มผ้าปักด้วยมือบ้านสันกอง</t>
  </si>
  <si>
    <t>โชคกิตติ  ผ้าขาวม้าบ้านหนองขาว</t>
  </si>
  <si>
    <t>กลุ่มทอผ้าบ้านหนองลิง</t>
  </si>
  <si>
    <t>หัตถกรรมกระจูดวรรณี VARNIX</t>
  </si>
  <si>
    <t>ร้านมดแดงด่านเกรียน</t>
  </si>
  <si>
    <t xml:space="preserve">วิสาหกิจชุมชนกลุ่มแม่บ้านเกษตรกรบ้านคืมมะอุ-สวนหม่อน </t>
  </si>
  <si>
    <t xml:space="preserve">ชุมชนบ้านแสนสุขแสนสุข  </t>
  </si>
  <si>
    <t xml:space="preserve">วิสาหกิจชุมชนนาแปลงใหญ่บ้านธรรมเถียร  </t>
  </si>
  <si>
    <t xml:space="preserve">C-SENSE BANANAMACHE </t>
  </si>
  <si>
    <t xml:space="preserve">พุทธสิทธิ์เซรามิค </t>
  </si>
  <si>
    <t xml:space="preserve">RAK LEAF จานกาบหมากนครพนม   </t>
  </si>
  <si>
    <t>BAMBOOBIZ</t>
  </si>
  <si>
    <t>คุณปิยนุช  ชัยธีระยานนท์</t>
  </si>
  <si>
    <t>นายธีรภพ  สังข์เกิด</t>
  </si>
  <si>
    <t>คุณธิดารัตน์ ธัญญผล</t>
  </si>
  <si>
    <t>คุณธัญรดา  พลายชม</t>
  </si>
  <si>
    <t>คุณจินตนา  จันทองคำ</t>
  </si>
  <si>
    <t>นางสาวดรุณี  แวยามา</t>
  </si>
  <si>
    <t>นางจันทร์เพ็ญ อำพันพร</t>
  </si>
  <si>
    <t>นางธัญทิพย์  จิรวัชรวรพงค์</t>
  </si>
  <si>
    <t>คุณสมควร  ลอยทอง</t>
  </si>
  <si>
    <t>คุณจุไรรัตน์  สรรพสุข</t>
  </si>
  <si>
    <t>คุณณิธ์ภาวรรณย์  จ้อยเอม
คุณอุไร แตงเอี่ยม</t>
  </si>
  <si>
    <t>นายศุภกร อิ่มสนิท</t>
  </si>
  <si>
    <t>นางสมบัติ  ป้องจันทร์</t>
  </si>
  <si>
    <t>นางปรารถนา  อุ่นจิตต์</t>
  </si>
  <si>
    <t>คุณทองใบ  สาโรจน์</t>
  </si>
  <si>
    <t>นางพัชรินช์  ชัยรัตน์</t>
  </si>
  <si>
    <t>คุณมยุรี  เสืออู่</t>
  </si>
  <si>
    <t>คุณวารี อุณาภาคย์</t>
  </si>
  <si>
    <t>คุณสุทธิพร  บุตรปะสะ</t>
  </si>
  <si>
    <t>คุณนิธี สุธรรมรัก</t>
  </si>
  <si>
    <t>คุณนันทินา  เชียงนา</t>
  </si>
  <si>
    <t>คุณนิตยา / คุณประพันธ์ ใจโต</t>
  </si>
  <si>
    <t>คุณมนัทพงค์ เซ่งฮวด</t>
  </si>
  <si>
    <t>คุณสุพรรณา  พัสกรภักดี (มดแดง)</t>
  </si>
  <si>
    <t>นางสาวนุชนารถ  พรหมชัยนันท์</t>
  </si>
  <si>
    <t>นายทองสุข  สีลิด</t>
  </si>
  <si>
    <t xml:space="preserve">กลุ่มสตรีทอผ้าบ้านเขาเต่า  หมู่บ้านเขาเต่า  ตำบลหนองแก อำเภอหัวหิน  จังหวัดประจวบคีรีขันธ์  </t>
  </si>
  <si>
    <t xml:space="preserve">262  หมุ่ 2 ตำบลท่าวังทอง  อำเภอเมือง  จังหวัดพะเยา </t>
  </si>
  <si>
    <t xml:space="preserve">10/1 หมู่ที่ 2  ตำบลบางนา  อำเภอเมืองปัตตานี  จังหวัดปัตตานี		 </t>
  </si>
  <si>
    <t>89/1 หมู่ 8 ตำบลหนองบัว  อำเภอเมืองกาญจนบุรี  จังหวัดกาญจนบุรี</t>
  </si>
  <si>
    <t>ชุมชนท่องเที่ยว OTOP นวัตวิถี บ้านหมวดหมู หมู่ที่ 6 ตำบลละลวด อำเภอชำนิ จังหวัดบุรีรัมย์</t>
  </si>
  <si>
    <t xml:space="preserve">238  ม.2 ถนนปัทมานนท์  อำเภอเกษตรวิสัย  จังหวัดร้อยเอ็ด  </t>
  </si>
  <si>
    <t xml:space="preserve">21/1 หมู่ 2 ตำบลบางสระเก้า อำเภอแหลมสิงห์ จังหวัดจันทบุรี </t>
  </si>
  <si>
    <t xml:space="preserve">กลุ่มสตรีทอเสื่อกก บ้านเสม็ดงาม 40/3 หมู่ 10 ตำบลหนองบัว  อำเภอเมือง  จังหวัดจันทบุรี  </t>
  </si>
  <si>
    <t xml:space="preserve">5/112 ม.1 ถ.หนามแดง ต.บางแก้ว อ.บางพลี สมุทรปราการ </t>
  </si>
  <si>
    <t>32 หมู่ 1 บ้านกลาง ต.ดอนไก่ดี อ.กระทุ่มแบน จ.สมุทรสาคร</t>
  </si>
  <si>
    <t xml:space="preserve">กลุ่มแปรรูปบ้านทุ่งสว่าง ที่ตั้งกลุ่ม 433 ม 16 ต.ลำพาน อ.เมืองกาฬสินธุ์ จ.กาฬสินธุ์ </t>
  </si>
  <si>
    <t>กลุ่มทอผ้าและแปรรูปผลิตภัณฑ์จากบ้านห้วยเตย  หมู่ที่ 5  ตำบลเว่อ  อำเภอยางตลาด  จังหวัดกาฬสินธุ์</t>
  </si>
  <si>
    <t xml:space="preserve">139 หมู่ 5 โรงเรียนพังทุยพัฒนศึกษา ต.พังทุย ต.พังทุย อ.น้ำพอง จ.ขอนแก่น </t>
  </si>
  <si>
    <t xml:space="preserve">กลุ่มแปรรูปผ้าบ้านสวายสอ  ตำบลสะแกโพรง  อำเภอเมืองบุรีรัมย์  </t>
  </si>
  <si>
    <t xml:space="preserve">2 หมู่ 4  บ้านฮ่องแฮ่  ตำบลโนนสวรรค์ อำเภอปทุมรัตต์ จังหวัดร้อยเอ็ด </t>
  </si>
  <si>
    <t xml:space="preserve">121 ม.6  ตำบลหัวนา  อำเภอเมือง  จังหวัดหนองบัวลำภู  </t>
  </si>
  <si>
    <t xml:space="preserve">6 หมู่ 10 บ้านนานิคม  ตำบลนาดี  อำเภอสุวรรณคูหา  จังหวัดหนองบัวลำภู  </t>
  </si>
  <si>
    <t xml:space="preserve">54 หมู่ 8 บ้านคำเดือย ตำบลคำเขื่อนแก้ว อำเภอชานุมาน จังหวัดอำนาจเจริญ </t>
  </si>
  <si>
    <t xml:space="preserve">147 หมู่ 2 ตำบลแจ้ช้อน  อำเภอเมืองปาน  จังหวัดลำปาง147 หมู่ 2 ตำบลแจ้ช้อน  อำเภอเมืองปาน  จังหวัดลำปาง	</t>
  </si>
  <si>
    <t xml:space="preserve">109 หมู่ 2 ถนนพหลโยธิน บ้านสันกอง ตำบลแม่ไร่ อำเภอแม่จัน จังหวัดเชียงราย </t>
  </si>
  <si>
    <t xml:space="preserve">4/1 หมู่ที่ 5 ตำบลหนองขาว  อำเภอม่วง จังหวัดกาญจนบุรี  </t>
  </si>
  <si>
    <t>94 หมู่ 1 ตำบลบ่อสุพรรณ อำเภอสองพี่น้อง  จังหวัดสุพรรณบุรี</t>
  </si>
  <si>
    <t xml:space="preserve"> 119 หมู่ที่ 8 ตำบลนาหมื่นศรี  อำเภอนาโยง  จังหวัดตรัง </t>
  </si>
  <si>
    <t xml:space="preserve">152 หมู่ 10 ตำบลพนางตุง อำเภอควนขนุน จังหวัดพัทลุง </t>
  </si>
  <si>
    <t>45 หมุ่ 8 บ้านด่านเกรียน  อำเภอโชคชัย จังหวัดนครราชสีมา</t>
  </si>
  <si>
    <t>62/1  หมู่ที่ 3  ตำบลหนองหว้า  อำเภอกิ่งอำเภอบัวลาย  จังหวัดนครราชสีมา</t>
  </si>
  <si>
    <t xml:space="preserve">ชุมชนบ้านแสนสุขแสนสุข  ม.5 ตำบลบึงกาสาม  อำเภอหนองเสือ จังหวัดปทุมธานี </t>
  </si>
  <si>
    <t xml:space="preserve">191 หมู่ที่ 8 ถนน ตำบลพนางตุง อำเภอควนขนุน จังหวัดพัทลุง </t>
  </si>
  <si>
    <t>365 หมู่ 9  ตำบลอุโมงค์  อำเภอเมือง  จังหวัดลำพูน</t>
  </si>
  <si>
    <t xml:space="preserve">พุทธสิทธิ์เซรามิค  163 ม.5 ตำบลกล้วยแพะ  อำเภอเมือง จังหวัดลำปาง </t>
  </si>
  <si>
    <t xml:space="preserve">18/1 ถนนพิทักษ์สันติ  ตำบลหนองญาติ อำเภอเมืองนครพนม จังหวัดนครพนม </t>
  </si>
  <si>
    <t>156 หมู่ที่ 7 ตำบลสบบง อำเภอภูซาง จังหวัดพะเยา</t>
  </si>
  <si>
    <t>032-908858 , 089-743-2559</t>
  </si>
  <si>
    <t>081-433-7629 </t>
  </si>
  <si>
    <t xml:space="preserve"> 097-007-4244,089-526-6071,082-574-6650</t>
  </si>
  <si>
    <t>086-251-8959</t>
  </si>
  <si>
    <t>085-456-1896</t>
  </si>
  <si>
    <t>081-450-7642 , 0-3945-0234, 0-3945-0923, 0-3945-0587</t>
  </si>
  <si>
    <t xml:space="preserve">089-881-4344. </t>
  </si>
  <si>
    <t xml:space="preserve"> 095-954-3597</t>
  </si>
  <si>
    <t>085-446-2444 , 081-861-4626,  034-473-408</t>
  </si>
  <si>
    <t>081-059-1193</t>
  </si>
  <si>
    <t>083-328-9308</t>
  </si>
  <si>
    <t>082-724-0322</t>
  </si>
  <si>
    <t>085-949-3250</t>
  </si>
  <si>
    <t>089-417-1593</t>
  </si>
  <si>
    <t>081-592-6185 , 042-353466</t>
  </si>
  <si>
    <t xml:space="preserve"> 080-293-6294,080-391-4644</t>
  </si>
  <si>
    <t>045 551223, 086 246 1530</t>
  </si>
  <si>
    <t xml:space="preserve">  093-623-2494    </t>
  </si>
  <si>
    <t>081-568-9385, 0-5366-7719</t>
  </si>
  <si>
    <t>082-202-2835 , 034-586012</t>
  </si>
  <si>
    <t>087-091-9084</t>
  </si>
  <si>
    <t xml:space="preserve"> 074-610415 , 092-917-7316 , 0877609879</t>
  </si>
  <si>
    <t>081-709-9650</t>
  </si>
  <si>
    <t>061-668-9428</t>
  </si>
  <si>
    <t xml:space="preserve"> 089-082-5346 </t>
  </si>
  <si>
    <t xml:space="preserve">086-284-5874 </t>
  </si>
  <si>
    <t xml:space="preserve"> 080-293-6294</t>
  </si>
  <si>
    <t>081-592-6185</t>
  </si>
  <si>
    <t>ชุมชนดีมีรอยยิ้มยางตลาด</t>
  </si>
  <si>
    <t>ton.aspire_4520@hotmail.com</t>
  </si>
  <si>
    <t xml:space="preserve">0898814344 </t>
  </si>
  <si>
    <t>katlee</t>
  </si>
  <si>
    <t>Nithee</t>
  </si>
  <si>
    <t>เสื่อกกจันทบูร by จุไรรัตน์</t>
  </si>
  <si>
    <t>ดารานาคี ดาวแห่งโคลนแม่น้ำโขง</t>
  </si>
  <si>
    <t>ป้าแต๋ว ผ้าปักดอกมะเขือ</t>
  </si>
  <si>
    <t>www.exten.pn.psu.ac.th</t>
  </si>
  <si>
    <t>@NammornDesign</t>
  </si>
  <si>
    <t>Nammorn Design ผ้าฝ้ายทอมือย้อมสีธรรมชาติ</t>
  </si>
  <si>
    <t>วันเพ็ญไหมไทย</t>
  </si>
  <si>
    <t>nammorn@gmail.com</t>
  </si>
  <si>
    <t>wanpenthaisilk@gmail.com</t>
  </si>
  <si>
    <t>@maesangdee</t>
  </si>
  <si>
    <t>081-450-7642</t>
  </si>
  <si>
    <t>085-446-2444</t>
  </si>
  <si>
    <t>paewpps</t>
  </si>
  <si>
    <t>C-sense Bananamache'</t>
  </si>
  <si>
    <t>พุทธสิทธิ์เซรามิค</t>
  </si>
  <si>
    <t>จานกาบหมากนครพนม</t>
  </si>
  <si>
    <t>http://www.facebook.com/maesangdee
https://www.facebook.com/maesangdee/?ref=bookmarks</t>
  </si>
  <si>
    <t>ผลิตภัณฑ์แปรรูปผ้าขาวม้า "จันทร์เพ็ญ"</t>
  </si>
  <si>
    <t>ผ้าภูอัคนี ของดีบ้านเจริญสุข</t>
  </si>
  <si>
    <t>ชุมชนท่องเที่ยว O-Top นวัตวิถี บ้านหมวดหมู่ ต.ละลวด อ.ชำนิ จังหวัดบุรีรัมย์</t>
  </si>
  <si>
    <t>พรรณไม้</t>
  </si>
  <si>
    <t>อุไรเบญจรงค์ urai five colour</t>
  </si>
  <si>
    <t>ทองใบ สาโรจน์</t>
  </si>
  <si>
    <t>ผ้าขาวม้าหนองขาว ร้านโชคกิตติ.</t>
  </si>
  <si>
    <t>กระจูดพัทลุง online</t>
  </si>
  <si>
    <t>มดเเดงดินเผาด่านเกวียน</t>
  </si>
  <si>
    <t>maesangdee1@hotmail.com</t>
  </si>
  <si>
    <t>sboonchoo@hotmail.com</t>
  </si>
  <si>
    <t>bangsakao@mail.com</t>
  </si>
  <si>
    <t>suneewan_t@hotmail.com</t>
  </si>
  <si>
    <t>n.tangaeum1997@gmail.com</t>
  </si>
  <si>
    <t>chokkitti.woven@gmail.com</t>
  </si>
  <si>
    <t>krajoodcraft@gmail.com</t>
  </si>
  <si>
    <t xml:space="preserve">
rakleafnkp01@gmail.com</t>
  </si>
  <si>
    <t>WWW.BAMBOOBIZ.NET</t>
  </si>
  <si>
    <t>www.thaitambon.com/uraibenjarong</t>
  </si>
  <si>
    <t>http://www.nammorndesign.com/</t>
  </si>
  <si>
    <t>http://wanpenthaisilk.blogspot.com/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4" fillId="4" borderId="0" xfId="1" applyFont="1" applyFill="1" applyAlignment="1">
      <alignment vertical="center" wrapText="1"/>
    </xf>
    <xf numFmtId="0" fontId="2" fillId="4" borderId="7" xfId="0" applyNumberFormat="1" applyFont="1" applyFill="1" applyBorder="1" applyAlignment="1">
      <alignment vertical="center" wrapText="1"/>
    </xf>
    <xf numFmtId="0" fontId="2" fillId="4" borderId="8" xfId="0" applyNumberFormat="1" applyFont="1" applyFill="1" applyBorder="1" applyAlignment="1">
      <alignment vertical="center" wrapText="1"/>
    </xf>
    <xf numFmtId="0" fontId="4" fillId="4" borderId="7" xfId="1" applyNumberFormat="1" applyFont="1" applyFill="1" applyBorder="1" applyAlignment="1">
      <alignment vertical="center"/>
    </xf>
    <xf numFmtId="0" fontId="4" fillId="4" borderId="6" xfId="1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 wrapText="1"/>
    </xf>
    <xf numFmtId="0" fontId="2" fillId="0" borderId="7" xfId="0" quotePrefix="1" applyNumberFormat="1" applyFont="1" applyFill="1" applyBorder="1" applyAlignment="1">
      <alignment vertical="center"/>
    </xf>
    <xf numFmtId="0" fontId="4" fillId="0" borderId="7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nammorndesign.com/" TargetMode="External"/><Relationship Id="rId2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Relationship Id="rId1" Type="http://schemas.openxmlformats.org/officeDocument/2006/relationships/hyperlink" Target="http://www.bamboobiz.net/" TargetMode="External"/><Relationship Id="rId4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42"/>
  <sheetViews>
    <sheetView showGridLines="0" tabSelected="1" topLeftCell="J1" workbookViewId="0">
      <selection activeCell="K4" sqref="K4:K42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36.453125" style="5" bestFit="1" customWidth="1"/>
    <col min="4" max="4" width="121.7265625" style="5" bestFit="1" customWidth="1"/>
    <col min="5" max="8" width="16.36328125" style="5" customWidth="1"/>
    <col min="9" max="9" width="85.81640625" style="5" bestFit="1" customWidth="1"/>
    <col min="10" max="10" width="34.54296875" style="5" bestFit="1" customWidth="1"/>
    <col min="11" max="12" width="16.36328125" style="5" customWidth="1"/>
    <col min="13" max="16384" width="16.36328125" style="5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6" t="s">
        <v>1</v>
      </c>
      <c r="B2" s="7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8"/>
      <c r="B3" s="9" t="s">
        <v>12</v>
      </c>
      <c r="C3" s="8"/>
      <c r="D3" s="8"/>
      <c r="E3" s="8"/>
      <c r="F3" s="8"/>
      <c r="G3" s="8"/>
      <c r="H3" s="8"/>
      <c r="I3" s="8"/>
      <c r="J3" s="8"/>
      <c r="K3" s="8"/>
    </row>
    <row r="4" spans="1:11" ht="19.899999999999999" customHeight="1">
      <c r="A4" s="10" t="s">
        <v>50</v>
      </c>
      <c r="B4" s="5" t="s">
        <v>41</v>
      </c>
      <c r="C4" s="10" t="s">
        <v>85</v>
      </c>
      <c r="D4" s="13" t="s">
        <v>108</v>
      </c>
      <c r="E4" s="10">
        <v>77110</v>
      </c>
      <c r="G4" s="10" t="s">
        <v>140</v>
      </c>
      <c r="H4" s="10"/>
      <c r="I4" s="10"/>
      <c r="J4" s="10"/>
      <c r="K4" s="10"/>
    </row>
    <row r="5" spans="1:11" ht="19.899999999999999" customHeight="1">
      <c r="A5" s="10" t="s">
        <v>51</v>
      </c>
      <c r="B5" s="5" t="s">
        <v>41</v>
      </c>
      <c r="C5" s="10" t="s">
        <v>86</v>
      </c>
      <c r="D5" s="13" t="s">
        <v>109</v>
      </c>
      <c r="E5" s="10">
        <v>56000</v>
      </c>
      <c r="G5" s="10" t="s">
        <v>38</v>
      </c>
      <c r="H5" s="10" t="s">
        <v>182</v>
      </c>
      <c r="I5" s="13" t="s">
        <v>189</v>
      </c>
      <c r="J5" s="10" t="s">
        <v>199</v>
      </c>
      <c r="K5" s="15" t="s">
        <v>40</v>
      </c>
    </row>
    <row r="6" spans="1:11" ht="19.899999999999999" customHeight="1">
      <c r="A6" s="4" t="s">
        <v>52</v>
      </c>
      <c r="B6" s="5" t="s">
        <v>41</v>
      </c>
      <c r="C6" s="4" t="s">
        <v>87</v>
      </c>
      <c r="D6" s="4" t="s">
        <v>110</v>
      </c>
      <c r="E6" s="4">
        <v>94000</v>
      </c>
      <c r="G6" s="4" t="s">
        <v>37</v>
      </c>
      <c r="H6" s="4" t="s">
        <v>171</v>
      </c>
      <c r="I6" s="4"/>
      <c r="J6" s="4"/>
      <c r="K6" s="16" t="s">
        <v>176</v>
      </c>
    </row>
    <row r="7" spans="1:11" ht="19.899999999999999" customHeight="1">
      <c r="A7" s="10" t="s">
        <v>53</v>
      </c>
      <c r="B7" s="5" t="s">
        <v>41</v>
      </c>
      <c r="C7" s="10" t="s">
        <v>88</v>
      </c>
      <c r="D7" s="13" t="s">
        <v>111</v>
      </c>
      <c r="E7" s="10">
        <v>71190</v>
      </c>
      <c r="G7" s="10" t="s">
        <v>141</v>
      </c>
      <c r="H7" s="10" t="s">
        <v>141</v>
      </c>
      <c r="I7" s="10" t="s">
        <v>190</v>
      </c>
      <c r="J7" s="10"/>
      <c r="K7" s="10"/>
    </row>
    <row r="8" spans="1:11" ht="19.899999999999999" customHeight="1">
      <c r="A8" s="10" t="s">
        <v>54</v>
      </c>
      <c r="B8" s="5" t="s">
        <v>41</v>
      </c>
      <c r="C8" s="10" t="s">
        <v>89</v>
      </c>
      <c r="D8" s="13" t="s">
        <v>32</v>
      </c>
      <c r="E8" s="10">
        <v>31110</v>
      </c>
      <c r="G8" s="10" t="s">
        <v>142</v>
      </c>
      <c r="H8" s="10"/>
      <c r="I8" s="10" t="s">
        <v>191</v>
      </c>
      <c r="J8" s="10"/>
      <c r="K8" s="10"/>
    </row>
    <row r="9" spans="1:11" ht="19.899999999999999" customHeight="1">
      <c r="A9" s="10" t="s">
        <v>55</v>
      </c>
      <c r="B9" s="5" t="s">
        <v>41</v>
      </c>
      <c r="C9" s="10" t="s">
        <v>90</v>
      </c>
      <c r="D9" s="13" t="s">
        <v>112</v>
      </c>
      <c r="E9" s="10">
        <v>31110</v>
      </c>
      <c r="G9" s="10" t="s">
        <v>143</v>
      </c>
      <c r="H9" s="10" t="s">
        <v>143</v>
      </c>
      <c r="I9" s="10" t="s">
        <v>192</v>
      </c>
      <c r="J9" s="10"/>
      <c r="K9" s="10"/>
    </row>
    <row r="10" spans="1:11" ht="19.899999999999999" customHeight="1">
      <c r="A10" s="12" t="s">
        <v>56</v>
      </c>
      <c r="B10" s="5" t="s">
        <v>41</v>
      </c>
      <c r="C10" s="10"/>
      <c r="D10" s="13" t="s">
        <v>113</v>
      </c>
      <c r="E10" s="10">
        <v>45150</v>
      </c>
      <c r="G10" s="10" t="s">
        <v>144</v>
      </c>
      <c r="H10" s="10" t="s">
        <v>144</v>
      </c>
      <c r="I10" s="10" t="s">
        <v>193</v>
      </c>
      <c r="J10" s="10" t="s">
        <v>200</v>
      </c>
      <c r="K10" s="10"/>
    </row>
    <row r="11" spans="1:11" ht="19.899999999999999" customHeight="1">
      <c r="A11" s="10" t="s">
        <v>22</v>
      </c>
      <c r="B11" s="5" t="s">
        <v>41</v>
      </c>
      <c r="C11" s="10" t="s">
        <v>14</v>
      </c>
      <c r="D11" s="14" t="s">
        <v>29</v>
      </c>
      <c r="E11" s="11">
        <v>45109</v>
      </c>
      <c r="G11" s="14" t="s">
        <v>34</v>
      </c>
      <c r="H11" s="14" t="s">
        <v>34</v>
      </c>
      <c r="I11" s="11" t="s">
        <v>18</v>
      </c>
      <c r="J11" s="10"/>
      <c r="K11" s="10"/>
    </row>
    <row r="12" spans="1:11" ht="19.899999999999999" customHeight="1">
      <c r="A12" s="10" t="s">
        <v>57</v>
      </c>
      <c r="B12" s="5" t="s">
        <v>41</v>
      </c>
      <c r="C12" s="10"/>
      <c r="D12" s="13" t="s">
        <v>114</v>
      </c>
      <c r="E12" s="10">
        <v>22190</v>
      </c>
      <c r="G12" s="10" t="s">
        <v>145</v>
      </c>
      <c r="H12" s="10" t="s">
        <v>183</v>
      </c>
      <c r="I12" s="10"/>
      <c r="J12" s="10" t="s">
        <v>201</v>
      </c>
      <c r="K12" s="10"/>
    </row>
    <row r="13" spans="1:11" ht="19.899999999999999" customHeight="1">
      <c r="A13" s="10" t="s">
        <v>58</v>
      </c>
      <c r="B13" s="5" t="s">
        <v>41</v>
      </c>
      <c r="C13" s="10" t="s">
        <v>91</v>
      </c>
      <c r="D13" s="10" t="s">
        <v>115</v>
      </c>
      <c r="E13" s="10">
        <v>22000</v>
      </c>
      <c r="G13" s="10" t="s">
        <v>146</v>
      </c>
      <c r="H13" s="10" t="s">
        <v>170</v>
      </c>
      <c r="I13" s="10" t="s">
        <v>173</v>
      </c>
      <c r="J13" s="10"/>
      <c r="K13" s="10"/>
    </row>
    <row r="14" spans="1:11" ht="19.899999999999999" customHeight="1">
      <c r="A14" s="10" t="s">
        <v>59</v>
      </c>
      <c r="B14" s="5" t="s">
        <v>41</v>
      </c>
      <c r="C14" s="10"/>
      <c r="D14" s="13" t="s">
        <v>116</v>
      </c>
      <c r="E14" s="10">
        <v>10540</v>
      </c>
      <c r="G14" s="10" t="s">
        <v>147</v>
      </c>
      <c r="H14" s="10"/>
      <c r="I14" s="10"/>
      <c r="J14" s="10" t="s">
        <v>202</v>
      </c>
      <c r="K14" s="10"/>
    </row>
    <row r="15" spans="1:11" ht="19.899999999999999" customHeight="1">
      <c r="A15" s="10" t="s">
        <v>60</v>
      </c>
      <c r="B15" s="5" t="s">
        <v>41</v>
      </c>
      <c r="C15" s="13" t="s">
        <v>92</v>
      </c>
      <c r="D15" s="13" t="s">
        <v>117</v>
      </c>
      <c r="E15" s="10">
        <v>74110</v>
      </c>
      <c r="G15" s="10" t="s">
        <v>148</v>
      </c>
      <c r="H15" s="10" t="s">
        <v>184</v>
      </c>
      <c r="I15" s="10" t="s">
        <v>194</v>
      </c>
      <c r="J15" s="10" t="s">
        <v>203</v>
      </c>
      <c r="K15" s="10" t="s">
        <v>208</v>
      </c>
    </row>
    <row r="16" spans="1:11" ht="19.899999999999999" customHeight="1">
      <c r="A16" s="17" t="s">
        <v>61</v>
      </c>
      <c r="B16" s="5" t="s">
        <v>41</v>
      </c>
      <c r="C16" s="17" t="s">
        <v>93</v>
      </c>
      <c r="D16" s="19" t="s">
        <v>118</v>
      </c>
      <c r="E16" s="17">
        <v>46000</v>
      </c>
      <c r="G16" s="17" t="s">
        <v>149</v>
      </c>
      <c r="H16" s="17" t="s">
        <v>149</v>
      </c>
      <c r="I16" s="17"/>
      <c r="J16" s="17"/>
      <c r="K16" s="17"/>
    </row>
    <row r="17" spans="1:11" ht="19.899999999999999" customHeight="1">
      <c r="A17" s="17" t="s">
        <v>62</v>
      </c>
      <c r="B17" s="5" t="s">
        <v>41</v>
      </c>
      <c r="C17" s="17" t="s">
        <v>94</v>
      </c>
      <c r="D17" s="19" t="s">
        <v>119</v>
      </c>
      <c r="E17" s="17">
        <v>46120</v>
      </c>
      <c r="G17" s="17" t="s">
        <v>150</v>
      </c>
      <c r="H17" s="17" t="s">
        <v>150</v>
      </c>
      <c r="I17" s="17" t="s">
        <v>168</v>
      </c>
      <c r="J17" s="17"/>
      <c r="K17" s="17"/>
    </row>
    <row r="18" spans="1:11" ht="19.899999999999999" customHeight="1">
      <c r="A18" s="17" t="s">
        <v>63</v>
      </c>
      <c r="B18" s="5" t="s">
        <v>41</v>
      </c>
      <c r="C18" s="17"/>
      <c r="D18" s="19" t="s">
        <v>120</v>
      </c>
      <c r="E18" s="17">
        <v>40140</v>
      </c>
      <c r="G18" s="19" t="s">
        <v>151</v>
      </c>
      <c r="H18" s="17" t="s">
        <v>185</v>
      </c>
      <c r="I18" s="17"/>
      <c r="J18" s="17"/>
      <c r="K18" s="17"/>
    </row>
    <row r="19" spans="1:11" ht="19.899999999999999" customHeight="1">
      <c r="A19" s="17" t="s">
        <v>23</v>
      </c>
      <c r="B19" s="5" t="s">
        <v>41</v>
      </c>
      <c r="C19" s="17" t="s">
        <v>26</v>
      </c>
      <c r="D19" s="19" t="s">
        <v>30</v>
      </c>
      <c r="E19" s="17">
        <v>38000</v>
      </c>
      <c r="G19" s="19" t="s">
        <v>35</v>
      </c>
      <c r="H19" s="17"/>
      <c r="I19" s="17" t="s">
        <v>174</v>
      </c>
      <c r="J19" s="17"/>
      <c r="K19" s="17"/>
    </row>
    <row r="20" spans="1:11" ht="19.899999999999999" customHeight="1">
      <c r="A20" s="17" t="s">
        <v>64</v>
      </c>
      <c r="B20" s="5" t="s">
        <v>41</v>
      </c>
      <c r="C20" s="17" t="s">
        <v>95</v>
      </c>
      <c r="D20" s="19" t="s">
        <v>121</v>
      </c>
      <c r="E20" s="17">
        <v>31000</v>
      </c>
      <c r="G20" s="17" t="s">
        <v>152</v>
      </c>
      <c r="H20" s="17"/>
      <c r="I20" s="17"/>
      <c r="J20" s="17"/>
      <c r="K20" s="17"/>
    </row>
    <row r="21" spans="1:11" ht="19.899999999999999" customHeight="1">
      <c r="A21" s="17" t="s">
        <v>65</v>
      </c>
      <c r="B21" s="5" t="s">
        <v>41</v>
      </c>
      <c r="C21" s="17" t="s">
        <v>96</v>
      </c>
      <c r="D21" s="19" t="s">
        <v>122</v>
      </c>
      <c r="E21" s="17">
        <v>45190</v>
      </c>
      <c r="G21" s="17" t="s">
        <v>153</v>
      </c>
      <c r="H21" s="17" t="s">
        <v>153</v>
      </c>
      <c r="I21" s="17" t="s">
        <v>195</v>
      </c>
      <c r="J21" s="17"/>
      <c r="K21" s="17"/>
    </row>
    <row r="22" spans="1:11" ht="19.899999999999999" customHeight="1">
      <c r="A22" s="17" t="s">
        <v>66</v>
      </c>
      <c r="B22" s="5" t="s">
        <v>41</v>
      </c>
      <c r="C22" s="17" t="s">
        <v>97</v>
      </c>
      <c r="D22" s="19" t="s">
        <v>123</v>
      </c>
      <c r="E22" s="17">
        <v>39000</v>
      </c>
      <c r="G22" s="17" t="s">
        <v>154</v>
      </c>
      <c r="H22" s="17" t="s">
        <v>167</v>
      </c>
      <c r="I22" s="17" t="s">
        <v>39</v>
      </c>
      <c r="J22" s="17" t="s">
        <v>169</v>
      </c>
      <c r="K22" s="17"/>
    </row>
    <row r="23" spans="1:11" ht="19.899999999999999" customHeight="1">
      <c r="A23" s="17" t="s">
        <v>67</v>
      </c>
      <c r="B23" s="5" t="s">
        <v>41</v>
      </c>
      <c r="C23" s="17" t="s">
        <v>98</v>
      </c>
      <c r="D23" s="19" t="s">
        <v>124</v>
      </c>
      <c r="E23" s="17">
        <v>39270</v>
      </c>
      <c r="G23" s="17" t="s">
        <v>155</v>
      </c>
      <c r="H23" s="17" t="s">
        <v>166</v>
      </c>
      <c r="I23" s="17" t="s">
        <v>98</v>
      </c>
      <c r="J23" s="17"/>
      <c r="K23" s="17"/>
    </row>
    <row r="24" spans="1:11" ht="19.899999999999999" customHeight="1">
      <c r="A24" s="17" t="s">
        <v>68</v>
      </c>
      <c r="B24" s="5" t="s">
        <v>41</v>
      </c>
      <c r="C24" s="17" t="s">
        <v>99</v>
      </c>
      <c r="D24" s="19" t="s">
        <v>125</v>
      </c>
      <c r="E24" s="17">
        <v>37210</v>
      </c>
      <c r="G24" s="17" t="s">
        <v>156</v>
      </c>
      <c r="H24" s="17"/>
      <c r="I24" s="17"/>
      <c r="J24" s="17"/>
      <c r="K24" s="17"/>
    </row>
    <row r="25" spans="1:11" ht="19.899999999999999" customHeight="1">
      <c r="A25" s="17" t="s">
        <v>69</v>
      </c>
      <c r="B25" s="5" t="s">
        <v>41</v>
      </c>
      <c r="C25" s="17" t="s">
        <v>100</v>
      </c>
      <c r="D25" s="19" t="s">
        <v>126</v>
      </c>
      <c r="E25" s="17">
        <v>52240</v>
      </c>
      <c r="G25" s="17" t="s">
        <v>157</v>
      </c>
      <c r="H25" s="17" t="s">
        <v>177</v>
      </c>
      <c r="I25" s="17" t="s">
        <v>178</v>
      </c>
      <c r="J25" s="17" t="s">
        <v>180</v>
      </c>
      <c r="K25" s="21" t="s">
        <v>209</v>
      </c>
    </row>
    <row r="26" spans="1:11" ht="19.899999999999999" customHeight="1">
      <c r="A26" s="17" t="s">
        <v>70</v>
      </c>
      <c r="B26" s="5" t="s">
        <v>41</v>
      </c>
      <c r="C26" s="17" t="s">
        <v>101</v>
      </c>
      <c r="D26" s="19" t="s">
        <v>127</v>
      </c>
      <c r="E26" s="17">
        <v>57240</v>
      </c>
      <c r="G26" s="17" t="s">
        <v>158</v>
      </c>
      <c r="H26" s="17" t="s">
        <v>172</v>
      </c>
      <c r="I26" s="17"/>
      <c r="J26" s="17"/>
      <c r="K26" s="17"/>
    </row>
    <row r="27" spans="1:11" ht="19.899999999999999" customHeight="1">
      <c r="A27" s="17" t="s">
        <v>24</v>
      </c>
      <c r="B27" s="5" t="s">
        <v>41</v>
      </c>
      <c r="C27" s="17" t="s">
        <v>27</v>
      </c>
      <c r="D27" s="19" t="s">
        <v>31</v>
      </c>
      <c r="E27" s="17">
        <v>64130</v>
      </c>
      <c r="G27" s="17" t="s">
        <v>36</v>
      </c>
      <c r="H27" s="17"/>
      <c r="I27" s="17"/>
      <c r="J27" s="17"/>
      <c r="K27" s="17"/>
    </row>
    <row r="28" spans="1:11" ht="19.899999999999999" customHeight="1">
      <c r="A28" s="17" t="s">
        <v>21</v>
      </c>
      <c r="B28" s="5" t="s">
        <v>41</v>
      </c>
      <c r="C28" s="17" t="s">
        <v>25</v>
      </c>
      <c r="D28" s="19" t="s">
        <v>28</v>
      </c>
      <c r="E28" s="17">
        <v>14000</v>
      </c>
      <c r="G28" s="17" t="s">
        <v>33</v>
      </c>
      <c r="H28" s="17" t="s">
        <v>33</v>
      </c>
      <c r="I28" s="17" t="s">
        <v>21</v>
      </c>
      <c r="J28" s="17"/>
      <c r="K28" s="17"/>
    </row>
    <row r="29" spans="1:11" ht="19.899999999999999" customHeight="1">
      <c r="A29" s="17" t="s">
        <v>71</v>
      </c>
      <c r="B29" s="5" t="s">
        <v>41</v>
      </c>
      <c r="C29" s="17" t="s">
        <v>102</v>
      </c>
      <c r="D29" s="19" t="s">
        <v>128</v>
      </c>
      <c r="E29" s="17">
        <v>71110</v>
      </c>
      <c r="G29" s="17" t="s">
        <v>159</v>
      </c>
      <c r="H29" s="17"/>
      <c r="I29" s="17" t="s">
        <v>196</v>
      </c>
      <c r="J29" s="17" t="s">
        <v>204</v>
      </c>
      <c r="K29" s="17"/>
    </row>
    <row r="30" spans="1:11" ht="19.899999999999999" customHeight="1">
      <c r="A30" s="17" t="s">
        <v>72</v>
      </c>
      <c r="B30" s="5" t="s">
        <v>41</v>
      </c>
      <c r="C30" s="17" t="s">
        <v>103</v>
      </c>
      <c r="D30" s="19" t="s">
        <v>129</v>
      </c>
      <c r="E30" s="17">
        <v>72190</v>
      </c>
      <c r="G30" s="17" t="s">
        <v>160</v>
      </c>
      <c r="H30" s="17" t="s">
        <v>160</v>
      </c>
      <c r="I30" s="17" t="s">
        <v>175</v>
      </c>
      <c r="J30" s="17"/>
      <c r="K30" s="17"/>
    </row>
    <row r="31" spans="1:11" ht="19.899999999999999" customHeight="1">
      <c r="A31" s="17" t="s">
        <v>45</v>
      </c>
      <c r="B31" s="5" t="s">
        <v>41</v>
      </c>
      <c r="C31" s="17" t="s">
        <v>46</v>
      </c>
      <c r="D31" s="19" t="s">
        <v>130</v>
      </c>
      <c r="E31" s="17">
        <v>92170</v>
      </c>
      <c r="G31" s="17" t="s">
        <v>47</v>
      </c>
      <c r="H31" s="17" t="s">
        <v>47</v>
      </c>
      <c r="I31" s="17" t="s">
        <v>48</v>
      </c>
      <c r="J31" s="17" t="s">
        <v>49</v>
      </c>
      <c r="K31" s="17"/>
    </row>
    <row r="32" spans="1:11" ht="19.899999999999999" customHeight="1">
      <c r="A32" s="17" t="s">
        <v>73</v>
      </c>
      <c r="B32" s="5" t="s">
        <v>41</v>
      </c>
      <c r="C32" s="17" t="s">
        <v>104</v>
      </c>
      <c r="D32" s="19" t="s">
        <v>131</v>
      </c>
      <c r="E32" s="17">
        <v>93150</v>
      </c>
      <c r="G32" s="17" t="s">
        <v>161</v>
      </c>
      <c r="H32" s="17"/>
      <c r="I32" s="17" t="s">
        <v>197</v>
      </c>
      <c r="J32" s="17" t="s">
        <v>205</v>
      </c>
      <c r="K32" s="17"/>
    </row>
    <row r="33" spans="1:11" ht="19.899999999999999" customHeight="1">
      <c r="A33" s="17" t="s">
        <v>51</v>
      </c>
      <c r="B33" s="5" t="s">
        <v>41</v>
      </c>
      <c r="C33" s="17" t="s">
        <v>86</v>
      </c>
      <c r="D33" s="19" t="s">
        <v>109</v>
      </c>
      <c r="E33" s="17">
        <v>56000</v>
      </c>
      <c r="G33" s="17" t="s">
        <v>38</v>
      </c>
      <c r="H33" s="17" t="s">
        <v>182</v>
      </c>
      <c r="I33" s="19" t="s">
        <v>189</v>
      </c>
      <c r="J33" s="17" t="s">
        <v>199</v>
      </c>
      <c r="K33" s="21" t="s">
        <v>40</v>
      </c>
    </row>
    <row r="34" spans="1:11" ht="19.899999999999999" customHeight="1">
      <c r="A34" s="17" t="s">
        <v>74</v>
      </c>
      <c r="B34" s="5" t="s">
        <v>41</v>
      </c>
      <c r="C34" s="17" t="s">
        <v>105</v>
      </c>
      <c r="D34" s="19" t="s">
        <v>132</v>
      </c>
      <c r="E34" s="17">
        <v>30190</v>
      </c>
      <c r="G34" s="17" t="s">
        <v>162</v>
      </c>
      <c r="H34" s="17" t="s">
        <v>162</v>
      </c>
      <c r="I34" s="17" t="s">
        <v>198</v>
      </c>
      <c r="J34" s="17"/>
      <c r="K34" s="17"/>
    </row>
    <row r="35" spans="1:11" ht="19.899999999999999" customHeight="1">
      <c r="A35" s="17" t="s">
        <v>75</v>
      </c>
      <c r="B35" s="5" t="s">
        <v>41</v>
      </c>
      <c r="C35" s="18" t="s">
        <v>106</v>
      </c>
      <c r="D35" s="19" t="s">
        <v>133</v>
      </c>
      <c r="E35" s="17">
        <v>30120</v>
      </c>
      <c r="G35" s="17" t="s">
        <v>163</v>
      </c>
      <c r="H35" s="17" t="s">
        <v>163</v>
      </c>
      <c r="I35" s="17" t="s">
        <v>179</v>
      </c>
      <c r="J35" s="17" t="s">
        <v>181</v>
      </c>
      <c r="K35" s="17" t="s">
        <v>210</v>
      </c>
    </row>
    <row r="36" spans="1:11" ht="19.899999999999999" customHeight="1">
      <c r="A36" s="17" t="s">
        <v>76</v>
      </c>
      <c r="B36" s="5" t="s">
        <v>41</v>
      </c>
      <c r="C36" s="17" t="s">
        <v>107</v>
      </c>
      <c r="D36" s="19" t="s">
        <v>134</v>
      </c>
      <c r="E36" s="17">
        <v>12170</v>
      </c>
      <c r="G36" s="17" t="s">
        <v>164</v>
      </c>
      <c r="H36" s="17" t="s">
        <v>164</v>
      </c>
      <c r="I36" s="17"/>
      <c r="J36" s="17"/>
      <c r="K36" s="17"/>
    </row>
    <row r="37" spans="1:11" ht="19.899999999999999" customHeight="1">
      <c r="A37" s="17" t="s">
        <v>77</v>
      </c>
      <c r="B37" s="5" t="s">
        <v>41</v>
      </c>
      <c r="C37" s="17" t="s">
        <v>43</v>
      </c>
      <c r="D37" s="19" t="s">
        <v>135</v>
      </c>
      <c r="E37" s="17">
        <v>93150</v>
      </c>
      <c r="G37" s="17" t="s">
        <v>165</v>
      </c>
      <c r="H37" s="17" t="s">
        <v>165</v>
      </c>
      <c r="I37" s="17" t="s">
        <v>42</v>
      </c>
      <c r="J37" s="17" t="s">
        <v>44</v>
      </c>
      <c r="K37" s="17"/>
    </row>
    <row r="38" spans="1:11" ht="19.899999999999999" customHeight="1">
      <c r="A38" s="17" t="s">
        <v>13</v>
      </c>
      <c r="B38" s="5" t="s">
        <v>41</v>
      </c>
      <c r="C38" s="18" t="s">
        <v>15</v>
      </c>
      <c r="D38" s="19" t="s">
        <v>16</v>
      </c>
      <c r="E38" s="17">
        <v>56000</v>
      </c>
      <c r="G38" s="17" t="s">
        <v>17</v>
      </c>
      <c r="H38" s="17" t="s">
        <v>17</v>
      </c>
      <c r="I38" s="17" t="s">
        <v>19</v>
      </c>
      <c r="J38" s="17" t="s">
        <v>20</v>
      </c>
      <c r="K38" s="17"/>
    </row>
    <row r="39" spans="1:11" ht="19.899999999999999" customHeight="1">
      <c r="A39" s="17" t="s">
        <v>78</v>
      </c>
      <c r="B39" s="5" t="s">
        <v>41</v>
      </c>
      <c r="C39" s="17" t="s">
        <v>82</v>
      </c>
      <c r="D39" s="19" t="s">
        <v>136</v>
      </c>
      <c r="G39" s="17"/>
      <c r="H39" s="20" t="s">
        <v>186</v>
      </c>
      <c r="J39" s="17"/>
      <c r="K39" s="17"/>
    </row>
    <row r="40" spans="1:11" ht="19.899999999999999" customHeight="1">
      <c r="A40" s="17" t="s">
        <v>79</v>
      </c>
      <c r="B40" s="5" t="s">
        <v>41</v>
      </c>
      <c r="C40" s="19"/>
      <c r="D40" s="19" t="s">
        <v>137</v>
      </c>
      <c r="H40" s="20" t="s">
        <v>187</v>
      </c>
      <c r="J40" s="17"/>
      <c r="K40" s="17"/>
    </row>
    <row r="41" spans="1:11" ht="19.899999999999999" customHeight="1">
      <c r="A41" s="17" t="s">
        <v>80</v>
      </c>
      <c r="B41" s="5" t="s">
        <v>41</v>
      </c>
      <c r="C41" s="17" t="s">
        <v>83</v>
      </c>
      <c r="D41" s="19" t="s">
        <v>138</v>
      </c>
      <c r="H41" s="20" t="s">
        <v>188</v>
      </c>
      <c r="J41" s="19" t="s">
        <v>206</v>
      </c>
      <c r="K41" s="17"/>
    </row>
    <row r="42" spans="1:11" ht="19.899999999999999" customHeight="1">
      <c r="A42" s="17" t="s">
        <v>81</v>
      </c>
      <c r="B42" s="5" t="s">
        <v>41</v>
      </c>
      <c r="C42" s="17" t="s">
        <v>84</v>
      </c>
      <c r="D42" s="19" t="s">
        <v>139</v>
      </c>
      <c r="H42" s="20"/>
      <c r="J42" s="21" t="s">
        <v>207</v>
      </c>
      <c r="K42" s="17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42" r:id="rId1" xr:uid="{DC1BC453-A229-4737-B2DC-5AD952084883}"/>
    <hyperlink ref="K5" r:id="rId2" xr:uid="{B6D88B50-FEEA-4881-AD42-94FC4C81BFA9}"/>
    <hyperlink ref="K25" r:id="rId3" xr:uid="{9C6D5A28-0403-421D-A579-C0FDD1976241}"/>
    <hyperlink ref="K33" r:id="rId4" xr:uid="{82259580-1AB7-401E-BCBB-D05A14BBCE45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8:32:02Z</dcterms:modified>
</cp:coreProperties>
</file>